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986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78" d="100"/>
          <a:sy n="78" d="100"/>
        </p:scale>
        <p:origin x="77" y="16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7A0E60-652A-4819-93E3-CA2F5D6EDEC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20222C4-843B-4567-8B73-A5219B51F81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B84491-E7C9-4E82-A0C4-88F60CDAA7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924A30-B4F5-490F-B72A-07119972F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E45BF5-5FEC-44F8-A09C-A43BAFE37F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6911108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783F43-318F-415D-9719-1AB457C3BE9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C0D26CB-B418-4DE7-9D64-5F5513E84E5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635EBD-5604-4962-B21D-8A421E101E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296C5E9-EA9B-43E8-BDB5-0B9AA293A11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27D3681-82CD-4C0D-94D8-060F58ED8D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1760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2DDBC69-69B6-4DD0-A25F-C988CC07C02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54280BF-E211-42B3-9EDC-EE2038BBC78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5F9415-B108-4E6A-BC13-09FC23B670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F8A760-F9E9-4C27-A8E4-20AEE8B968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5AA51E-9812-44CF-9324-2D689B5512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08628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573343-2496-475B-AE3E-4A1A570684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11948CB-B323-42C9-B9A3-4B50FE40FA5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E6F311-73CB-4E0F-A875-2C7369111F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ADA172-30B1-4AC7-9A60-BD4188447E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5771262-8E35-4948-9AF2-8C77035DAF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69638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AD9507-51A3-430B-8AD9-501DEA787B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E3AE25B-07F1-4E58-9D80-9F84DB68813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BDA1156-C2BC-4CAF-82E6-FC9C6D7C3CA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B633D97-92DC-4CC9-A7CD-798931EB7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DAA38F-40E4-454E-81C5-014DBB69FE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540568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EB0FBA-01A4-4E69-A975-43D5F51D6B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701B312-7BB2-4184-851B-DD216BD7827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7789902-1EE8-4EA9-987E-90E445D1ED7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1D6188C-C08C-4C4D-BFDA-34BBDF32BE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8447A9-5EE7-455B-B88E-0B10A10C27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D05AC0C-0715-4F45-A009-8CC17F692C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86095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9CA2906-F47F-4A44-B6FB-96BBF18C41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AD818D-EE4C-4032-B2AE-A121B8A1741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68E6562-9E45-4B1F-BE6D-F2467A2DEE8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AB00D28-7EE9-4AB8-93E1-D9E3A49F2200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B41E878-3649-4F26-9D47-6583918A85C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78B68771-9154-4D7F-87FF-4400000F22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2769053-58C0-4D75-A9F1-7664F0444B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808CBB99-7E9B-4689-9251-0CD8BA92D72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316606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4D1BBA9-53B6-451B-935A-F4C5E1A6C6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016E9AF-46B2-4470-9A4B-84F9CC0D10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4A7A3DE-AFAD-4FFF-AA41-7B8E9CD245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2CA1903-7294-4CE1-A024-16F844A3B2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34504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BE7B85D-AEF7-4FB7-9537-10F3AD1867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97902CB-214E-4112-8263-EC1BFE143F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43DEC8E-BC12-4DF4-8886-626DD91B60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35866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E50081-BEF5-47E8-9E81-64E44224BB2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05CA9F3-D3C4-4EE1-B02A-EA81A835FAE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F90770E-E7FE-405D-ABCD-D3FD0C9383E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EFEB0F2-2C5B-477B-82E2-C26BFE280B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98420AD-4F89-4764-B4B1-5725598295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89F497B-D606-4712-879F-FB74AFF9BA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47921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13B77B-A540-486F-B0FC-26163C2DB7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6AD1F22-6C8E-4048-B64E-1C85C4BD1C7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A4CBE72-7B56-42FB-9B2F-33D90B1CA3B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ABF742D-2E4E-4AFD-BD1A-89D32C352D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A39A35E-361C-49CB-AABD-DA9B42FEC7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E05F1C9-975E-46F7-9F80-BEE032F5EE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951058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C7BF133-BF68-4AB3-A986-B850C4E1F3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CBEE505-F94D-4D22-85F4-FA161AE8FB8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D2D9D2-F65D-4891-9613-98F6A070C4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3E0966-10F2-44EB-80E5-CCF0726FA77E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4123D12-F051-493B-8485-69F782CF75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79AC37-141F-4713-AD40-02A63CFD664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F4B0AB-25CB-41EA-AED1-CE1896CAEAB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5906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image" Target="../media/image3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265E645D-68BE-436E-AFF0-192446D35BA8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54000" y="476265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5</a:t>
            </a:r>
            <a:endParaRPr kumimoji="0" lang="en-US" sz="1800" b="1" i="0" u="none" strike="noStrike" kern="1200" cap="none" spc="-44" normalizeH="0" baseline="0" noProof="0" dirty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FACA840-060D-4D0E-9CA9-3678401CD240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474534" y="476265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-44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cxnSp>
        <p:nvCxnSpPr>
          <p:cNvPr id="22" name="OTLSHAPE_M_850270193cf0418d8304fc7613d8c1e2_Connector1">
            <a:extLst>
              <a:ext uri="{FF2B5EF4-FFF2-40B4-BE49-F238E27FC236}">
                <a16:creationId xmlns:a16="http://schemas.microsoft.com/office/drawing/2014/main" id="{0FB068D8-8906-41AA-B30C-61F6CDAD149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714733" y="2700468"/>
            <a:ext cx="0" cy="913765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468cb5a8478d410d97d39ec5e8ae07a0_Connector1">
            <a:extLst>
              <a:ext uri="{FF2B5EF4-FFF2-40B4-BE49-F238E27FC236}">
                <a16:creationId xmlns:a16="http://schemas.microsoft.com/office/drawing/2014/main" id="{F4DC90B7-751D-4CDA-9EA9-F863E3BA49E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441164" y="2700468"/>
            <a:ext cx="0" cy="913765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caf8b92d53d34c98be4fe72b1a6ff3c0_Connector1">
            <a:extLst>
              <a:ext uri="{FF2B5EF4-FFF2-40B4-BE49-F238E27FC236}">
                <a16:creationId xmlns:a16="http://schemas.microsoft.com/office/drawing/2014/main" id="{9472CC73-46AA-4159-84A0-FB8CE48CFB7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167697" y="3165711"/>
            <a:ext cx="0" cy="448522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OTLSHAPE_M_678181a473064b809380f9abe10002ff_Connector1">
            <a:extLst>
              <a:ext uri="{FF2B5EF4-FFF2-40B4-BE49-F238E27FC236}">
                <a16:creationId xmlns:a16="http://schemas.microsoft.com/office/drawing/2014/main" id="{F43C2DC7-B0D7-4BF6-A8EB-7945910B2700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67283" y="2235224"/>
            <a:ext cx="0" cy="1379008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85e302752f2c47379258c63292532c3c_Connector1">
            <a:extLst>
              <a:ext uri="{FF2B5EF4-FFF2-40B4-BE49-F238E27FC236}">
                <a16:creationId xmlns:a16="http://schemas.microsoft.com/office/drawing/2014/main" id="{7623ACE2-7BA5-4B15-AB66-02CF5F04D62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2160754" y="3165711"/>
            <a:ext cx="0" cy="448522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7eccb403e94439584716399ac34933c_Connector1">
            <a:extLst>
              <a:ext uri="{FF2B5EF4-FFF2-40B4-BE49-F238E27FC236}">
                <a16:creationId xmlns:a16="http://schemas.microsoft.com/office/drawing/2014/main" id="{E8DBE119-2C50-4D73-B32D-FE91AFB963C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872797" y="3165711"/>
            <a:ext cx="0" cy="448522"/>
          </a:xfrm>
          <a:prstGeom prst="line">
            <a:avLst/>
          </a:prstGeom>
          <a:ln w="10517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A8AE3E2-E66F-4AF6-8655-0D819C5FCE51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4711682"/>
            <a:ext cx="105156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CD9750B-7366-475F-AF89-F0750EEA65B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07965" y="4809155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D85AA0C4-13D6-4085-A018-1217DFDEA83D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756844" y="480915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EEC995A-25AD-4BB9-BA5A-B8A0193F4280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2634497" y="4809155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018A91C4-C573-47CC-A462-D96ECE2BA81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512151" y="4809155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8B06A76D-3FA1-4E20-B1BB-2A9AEF1A91B1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4404192" y="4809155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9FE6B3E-9C61-4EA7-B72C-1C590159DD5A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5281846" y="4809155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B8DF79DB-901C-4DF6-ACF3-CFEE05BD4489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159500" y="4809155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ACE63E5D-B474-4F50-B9C2-E0664A906027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7008378" y="4809155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7400A737-6ED8-4EAB-B221-071D8C4ABDD0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7886032" y="4809155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47D0A994-9A96-4FD2-BF4C-73B06819DEE8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8763686" y="4809155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ul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F533DC36-9026-4D28-B5BE-C227EF324461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655728" y="4809155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63B8838C-A1F9-4C8E-98CD-48DBEDB1A758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0533381" y="4809155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62" name="OTLSHAPE_T_a82269eb335f4826b627d4afce417f01_Shape">
            <a:extLst>
              <a:ext uri="{FF2B5EF4-FFF2-40B4-BE49-F238E27FC236}">
                <a16:creationId xmlns:a16="http://schemas.microsoft.com/office/drawing/2014/main" id="{5DA2F9AD-A9AD-457B-967C-4A918F1B1FC3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44465" y="3614233"/>
            <a:ext cx="4381500" cy="2794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OTLSHAPE_T_df4d89a3d35b45f7b90ef9ae229234f2_Shape">
            <a:extLst>
              <a:ext uri="{FF2B5EF4-FFF2-40B4-BE49-F238E27FC236}">
                <a16:creationId xmlns:a16="http://schemas.microsoft.com/office/drawing/2014/main" id="{3F898AC0-7BD2-44F4-B302-4F4D96D2123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5218346" y="3614233"/>
            <a:ext cx="4813300" cy="2794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8" name="OTLSHAPE_T_f7095a83a335486d93b8ba558036dcdc_Shape">
            <a:extLst>
              <a:ext uri="{FF2B5EF4-FFF2-40B4-BE49-F238E27FC236}">
                <a16:creationId xmlns:a16="http://schemas.microsoft.com/office/drawing/2014/main" id="{7CB2F896-9732-4309-B2CE-901599046BB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254165" y="4074058"/>
            <a:ext cx="2654300" cy="2794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6" name="OTLSHAPE_T_a82269eb335f4826b627d4afce417f01_JoinedDate">
            <a:extLst>
              <a:ext uri="{FF2B5EF4-FFF2-40B4-BE49-F238E27FC236}">
                <a16:creationId xmlns:a16="http://schemas.microsoft.com/office/drawing/2014/main" id="{DE091715-57E5-4754-B8AF-E18A35435C4E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844465" y="3893633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2025 - Oct 2025</a:t>
            </a:r>
          </a:p>
        </p:txBody>
      </p:sp>
      <p:sp>
        <p:nvSpPr>
          <p:cNvPr id="69" name="OTLSHAPE_T_a82269eb335f4826b627d4afce417f01_Title">
            <a:extLst>
              <a:ext uri="{FF2B5EF4-FFF2-40B4-BE49-F238E27FC236}">
                <a16:creationId xmlns:a16="http://schemas.microsoft.com/office/drawing/2014/main" id="{9B1EC454-556F-4313-A8CF-F1884194BA9D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684437" y="3668673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 Trial</a:t>
            </a:r>
          </a:p>
        </p:txBody>
      </p:sp>
      <p:sp>
        <p:nvSpPr>
          <p:cNvPr id="72" name="OTLSHAPE_T_df4d89a3d35b45f7b90ef9ae229234f2_Duration">
            <a:extLst>
              <a:ext uri="{FF2B5EF4-FFF2-40B4-BE49-F238E27FC236}">
                <a16:creationId xmlns:a16="http://schemas.microsoft.com/office/drawing/2014/main" id="{6EA5958D-98EA-467B-BDEA-7AB7C4A19AC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0074650" y="366867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 mons</a:t>
            </a:r>
          </a:p>
        </p:txBody>
      </p:sp>
      <p:sp>
        <p:nvSpPr>
          <p:cNvPr id="76" name="OTLSHAPE_T_df4d89a3d35b45f7b90ef9ae229234f2_JoinedDate">
            <a:extLst>
              <a:ext uri="{FF2B5EF4-FFF2-40B4-BE49-F238E27FC236}">
                <a16:creationId xmlns:a16="http://schemas.microsoft.com/office/drawing/2014/main" id="{04032741-07F4-421C-85C3-C4D3B76F0005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5218346" y="389363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2025 - Sep 2026</a:t>
            </a:r>
          </a:p>
        </p:txBody>
      </p:sp>
      <p:sp>
        <p:nvSpPr>
          <p:cNvPr id="77" name="OTLSHAPE_T_df4d89a3d35b45f7b90ef9ae229234f2_Title">
            <a:extLst>
              <a:ext uri="{FF2B5EF4-FFF2-40B4-BE49-F238E27FC236}">
                <a16:creationId xmlns:a16="http://schemas.microsoft.com/office/drawing/2014/main" id="{FC2C6958-86A5-4FE5-A137-03C4F1CD47B1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7255508" y="366867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 Trial</a:t>
            </a:r>
          </a:p>
        </p:txBody>
      </p:sp>
      <p:sp>
        <p:nvSpPr>
          <p:cNvPr id="80" name="OTLSHAPE_T_f7095a83a335486d93b8ba558036dcdc_Duration">
            <a:extLst>
              <a:ext uri="{FF2B5EF4-FFF2-40B4-BE49-F238E27FC236}">
                <a16:creationId xmlns:a16="http://schemas.microsoft.com/office/drawing/2014/main" id="{9FCEB42B-4B5B-4F12-B504-BAF7C6AA2E9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0952304" y="4128498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 mons</a:t>
            </a:r>
          </a:p>
        </p:txBody>
      </p:sp>
      <p:sp>
        <p:nvSpPr>
          <p:cNvPr id="84" name="OTLSHAPE_T_f7095a83a335486d93b8ba558036dcdc_JoinedDate">
            <a:extLst>
              <a:ext uri="{FF2B5EF4-FFF2-40B4-BE49-F238E27FC236}">
                <a16:creationId xmlns:a16="http://schemas.microsoft.com/office/drawing/2014/main" id="{061CB5E9-3BBE-4409-98D7-BFB3A05D48CF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254165" y="4353458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31 - Nov 30</a:t>
            </a:r>
          </a:p>
        </p:txBody>
      </p:sp>
      <p:sp>
        <p:nvSpPr>
          <p:cNvPr id="85" name="OTLSHAPE_T_f7095a83a335486d93b8ba558036dcdc_Title">
            <a:extLst>
              <a:ext uri="{FF2B5EF4-FFF2-40B4-BE49-F238E27FC236}">
                <a16:creationId xmlns:a16="http://schemas.microsoft.com/office/drawing/2014/main" id="{275CE630-9F8F-4942-876E-1DBCC3D20F3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193617" y="412849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hase III Trial</a:t>
            </a:r>
          </a:p>
        </p:txBody>
      </p:sp>
      <p:sp>
        <p:nvSpPr>
          <p:cNvPr id="40" name="OTLSHAPE_M_5ef194339f264f78b069d50533d36f99_Shape">
            <a:extLst>
              <a:ext uri="{FF2B5EF4-FFF2-40B4-BE49-F238E27FC236}">
                <a16:creationId xmlns:a16="http://schemas.microsoft.com/office/drawing/2014/main" id="{27F7C80C-5196-46D0-A978-A7D71962DAE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4873832" y="5029182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TLSHAPE_M_1b6d63b24b05490c84cfd788823ac7b6_Shape">
            <a:extLst>
              <a:ext uri="{FF2B5EF4-FFF2-40B4-BE49-F238E27FC236}">
                <a16:creationId xmlns:a16="http://schemas.microsoft.com/office/drawing/2014/main" id="{14ED2E75-9375-4FFF-B89A-EA2A022C6CDF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8154243" y="5029182"/>
            <a:ext cx="228600" cy="254000"/>
          </a:xfrm>
          <a:prstGeom prst="plus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1" name="OTLSHAPE_M_9c8ddf7a70c148eba91145ca317f343b_Shape">
            <a:extLst>
              <a:ext uri="{FF2B5EF4-FFF2-40B4-BE49-F238E27FC236}">
                <a16:creationId xmlns:a16="http://schemas.microsoft.com/office/drawing/2014/main" id="{7E1DCC31-BABA-4C5B-BB08-90E36A6652BC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787204" y="502918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M_678181a473064b809380f9abe10002ff_Shape">
            <a:extLst>
              <a:ext uri="{FF2B5EF4-FFF2-40B4-BE49-F238E27FC236}">
                <a16:creationId xmlns:a16="http://schemas.microsoft.com/office/drawing/2014/main" id="{1D2CF72B-FF3F-4754-8305-68A309A2ED2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92683" y="2235224"/>
            <a:ext cx="165100" cy="165100"/>
          </a:xfrm>
          <a:prstGeom prst="wav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TLSHAPE_M_850270193cf0418d8304fc7613d8c1e2_Shape">
            <a:extLst>
              <a:ext uri="{FF2B5EF4-FFF2-40B4-BE49-F238E27FC236}">
                <a16:creationId xmlns:a16="http://schemas.microsoft.com/office/drawing/2014/main" id="{BF0F3DCC-62E1-4BCB-BE0C-F563CC9EF17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740133" y="2700468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M_85e302752f2c47379258c63292532c3c_Shape">
            <a:extLst>
              <a:ext uri="{FF2B5EF4-FFF2-40B4-BE49-F238E27FC236}">
                <a16:creationId xmlns:a16="http://schemas.microsoft.com/office/drawing/2014/main" id="{36AA3811-84EA-46A9-BA2F-8182969EF10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186154" y="3165711"/>
            <a:ext cx="165100" cy="165100"/>
          </a:xfrm>
          <a:prstGeom prst="wav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8" name="OTLSHAPE_M_468cb5a8478d410d97d39ec5e8ae07a0_Shape">
            <a:extLst>
              <a:ext uri="{FF2B5EF4-FFF2-40B4-BE49-F238E27FC236}">
                <a16:creationId xmlns:a16="http://schemas.microsoft.com/office/drawing/2014/main" id="{335BAEC5-0DFD-4A1D-B72F-1839DE2A9FC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466564" y="2700468"/>
            <a:ext cx="165100" cy="165100"/>
          </a:xfrm>
          <a:prstGeom prst="wav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M_07eccb403e94439584716399ac34933c_Shape">
            <a:extLst>
              <a:ext uri="{FF2B5EF4-FFF2-40B4-BE49-F238E27FC236}">
                <a16:creationId xmlns:a16="http://schemas.microsoft.com/office/drawing/2014/main" id="{D5CAD444-C863-46F6-A4D2-73FE20F17B3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898197" y="3165711"/>
            <a:ext cx="165100" cy="1651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M_caf8b92d53d34c98be4fe72b1a6ff3c0_Shape">
            <a:extLst>
              <a:ext uri="{FF2B5EF4-FFF2-40B4-BE49-F238E27FC236}">
                <a16:creationId xmlns:a16="http://schemas.microsoft.com/office/drawing/2014/main" id="{40A24325-7B29-409D-B809-2C0D4C4A46A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193097" y="3165711"/>
            <a:ext cx="165100" cy="165100"/>
          </a:xfrm>
          <a:prstGeom prst="wave">
            <a:avLst/>
          </a:prstGeom>
          <a:solidFill>
            <a:srgbClr val="EA535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" name="OTLSHAPE_M_678181a473064b809380f9abe10002ff_Title">
            <a:extLst>
              <a:ext uri="{FF2B5EF4-FFF2-40B4-BE49-F238E27FC236}">
                <a16:creationId xmlns:a16="http://schemas.microsoft.com/office/drawing/2014/main" id="{96C868EB-79E0-4476-9110-954E42E2B54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88872" y="2116903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Recruited</a:t>
            </a:r>
          </a:p>
        </p:txBody>
      </p:sp>
      <p:sp>
        <p:nvSpPr>
          <p:cNvPr id="30" name="OTLSHAPE_M_678181a473064b809380f9abe10002ff_Date">
            <a:extLst>
              <a:ext uri="{FF2B5EF4-FFF2-40B4-BE49-F238E27FC236}">
                <a16:creationId xmlns:a16="http://schemas.microsoft.com/office/drawing/2014/main" id="{F9DE71B6-4872-4B86-B157-7703EE8BB16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88872" y="231282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15, 2025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32" name="OTLSHAPE_M_850270193cf0418d8304fc7613d8c1e2_Title">
            <a:extLst>
              <a:ext uri="{FF2B5EF4-FFF2-40B4-BE49-F238E27FC236}">
                <a16:creationId xmlns:a16="http://schemas.microsoft.com/office/drawing/2014/main" id="{29100BE5-9D18-41BC-8E8A-1B6A42980136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936321" y="2582146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Enrolled</a:t>
            </a:r>
          </a:p>
        </p:txBody>
      </p:sp>
      <p:sp>
        <p:nvSpPr>
          <p:cNvPr id="33" name="OTLSHAPE_M_850270193cf0418d8304fc7613d8c1e2_Date">
            <a:extLst>
              <a:ext uri="{FF2B5EF4-FFF2-40B4-BE49-F238E27FC236}">
                <a16:creationId xmlns:a16="http://schemas.microsoft.com/office/drawing/2014/main" id="{181565A7-9008-4F2D-8BAC-0224BC0351E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936321" y="277806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, 2025</a:t>
            </a:r>
          </a:p>
        </p:txBody>
      </p:sp>
      <p:sp>
        <p:nvSpPr>
          <p:cNvPr id="35" name="OTLSHAPE_M_85e302752f2c47379258c63292532c3c_Title">
            <a:extLst>
              <a:ext uri="{FF2B5EF4-FFF2-40B4-BE49-F238E27FC236}">
                <a16:creationId xmlns:a16="http://schemas.microsoft.com/office/drawing/2014/main" id="{EB698844-C733-4398-B347-A119CC0088DB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382342" y="304739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Kick-off</a:t>
            </a:r>
          </a:p>
        </p:txBody>
      </p:sp>
      <p:sp>
        <p:nvSpPr>
          <p:cNvPr id="36" name="OTLSHAPE_M_85e302752f2c47379258c63292532c3c_Date">
            <a:extLst>
              <a:ext uri="{FF2B5EF4-FFF2-40B4-BE49-F238E27FC236}">
                <a16:creationId xmlns:a16="http://schemas.microsoft.com/office/drawing/2014/main" id="{AD0C47B1-BDB7-4584-94AF-1C1F1D501AF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382342" y="3243308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, 2025</a:t>
            </a:r>
          </a:p>
        </p:txBody>
      </p:sp>
      <p:sp>
        <p:nvSpPr>
          <p:cNvPr id="38" name="OTLSHAPE_M_5ef194339f264f78b069d50533d36f99_Title">
            <a:extLst>
              <a:ext uri="{FF2B5EF4-FFF2-40B4-BE49-F238E27FC236}">
                <a16:creationId xmlns:a16="http://schemas.microsoft.com/office/drawing/2014/main" id="{06CD99E4-C70A-4039-A838-43C102B2BB8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777206" y="5489007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1" u="none" strike="noStrike" kern="1200" cap="none" spc="-10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port </a:t>
            </a:r>
          </a:p>
        </p:txBody>
      </p:sp>
      <p:sp>
        <p:nvSpPr>
          <p:cNvPr id="39" name="OTLSHAPE_M_5ef194339f264f78b069d50533d36f99_Date">
            <a:extLst>
              <a:ext uri="{FF2B5EF4-FFF2-40B4-BE49-F238E27FC236}">
                <a16:creationId xmlns:a16="http://schemas.microsoft.com/office/drawing/2014/main" id="{4F129A77-1707-4388-B301-4B0C6401D28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660239" y="5308582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 15, 2025</a:t>
            </a:r>
          </a:p>
        </p:txBody>
      </p:sp>
      <p:sp>
        <p:nvSpPr>
          <p:cNvPr id="44" name="OTLSHAPE_M_468cb5a8478d410d97d39ec5e8ae07a0_Title">
            <a:extLst>
              <a:ext uri="{FF2B5EF4-FFF2-40B4-BE49-F238E27FC236}">
                <a16:creationId xmlns:a16="http://schemas.microsoft.com/office/drawing/2014/main" id="{76772591-8C0C-433B-B44E-42CC4D8F56B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662753" y="2582146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Recruited</a:t>
            </a:r>
          </a:p>
        </p:txBody>
      </p:sp>
      <p:sp>
        <p:nvSpPr>
          <p:cNvPr id="45" name="OTLSHAPE_M_468cb5a8478d410d97d39ec5e8ae07a0_Date">
            <a:extLst>
              <a:ext uri="{FF2B5EF4-FFF2-40B4-BE49-F238E27FC236}">
                <a16:creationId xmlns:a16="http://schemas.microsoft.com/office/drawing/2014/main" id="{7D20FEB2-5894-4C2D-B7AF-0D86CA517A0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662753" y="2778065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15, 2025</a:t>
            </a:r>
          </a:p>
        </p:txBody>
      </p:sp>
      <p:sp>
        <p:nvSpPr>
          <p:cNvPr id="47" name="OTLSHAPE_M_07eccb403e94439584716399ac34933c_Title">
            <a:extLst>
              <a:ext uri="{FF2B5EF4-FFF2-40B4-BE49-F238E27FC236}">
                <a16:creationId xmlns:a16="http://schemas.microsoft.com/office/drawing/2014/main" id="{014044C0-D590-4B2C-B920-A8A3BC22BD0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094386" y="304739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tients Enrolled</a:t>
            </a:r>
          </a:p>
        </p:txBody>
      </p:sp>
      <p:sp>
        <p:nvSpPr>
          <p:cNvPr id="48" name="OTLSHAPE_M_07eccb403e94439584716399ac34933c_Date">
            <a:extLst>
              <a:ext uri="{FF2B5EF4-FFF2-40B4-BE49-F238E27FC236}">
                <a16:creationId xmlns:a16="http://schemas.microsoft.com/office/drawing/2014/main" id="{AAD28CDA-5076-41C6-A476-2A3C89BAED4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094386" y="324330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ec 15, 2025</a:t>
            </a:r>
          </a:p>
        </p:txBody>
      </p:sp>
      <p:sp>
        <p:nvSpPr>
          <p:cNvPr id="50" name="OTLSHAPE_M_caf8b92d53d34c98be4fe72b1a6ff3c0_Title">
            <a:extLst>
              <a:ext uri="{FF2B5EF4-FFF2-40B4-BE49-F238E27FC236}">
                <a16:creationId xmlns:a16="http://schemas.microsoft.com/office/drawing/2014/main" id="{63D23E3D-2DF3-4B58-B3B2-1D59A00F617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389285" y="3047390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udy Kick-off</a:t>
            </a:r>
          </a:p>
        </p:txBody>
      </p:sp>
      <p:sp>
        <p:nvSpPr>
          <p:cNvPr id="51" name="OTLSHAPE_M_caf8b92d53d34c98be4fe72b1a6ff3c0_Date">
            <a:extLst>
              <a:ext uri="{FF2B5EF4-FFF2-40B4-BE49-F238E27FC236}">
                <a16:creationId xmlns:a16="http://schemas.microsoft.com/office/drawing/2014/main" id="{7F286FF3-8AA8-4CBB-85D8-4833DA548C6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389285" y="324330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r 15, 2026</a:t>
            </a:r>
          </a:p>
        </p:txBody>
      </p:sp>
      <p:sp>
        <p:nvSpPr>
          <p:cNvPr id="53" name="OTLSHAPE_M_1b6d63b24b05490c84cfd788823ac7b6_Title">
            <a:extLst>
              <a:ext uri="{FF2B5EF4-FFF2-40B4-BE49-F238E27FC236}">
                <a16:creationId xmlns:a16="http://schemas.microsoft.com/office/drawing/2014/main" id="{3F06451B-8582-427C-8969-39D2EB9D311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830753" y="5489007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ply for Drug Approval</a:t>
            </a:r>
          </a:p>
        </p:txBody>
      </p:sp>
      <p:sp>
        <p:nvSpPr>
          <p:cNvPr id="54" name="OTLSHAPE_M_1b6d63b24b05490c84cfd788823ac7b6_Date">
            <a:extLst>
              <a:ext uri="{FF2B5EF4-FFF2-40B4-BE49-F238E27FC236}">
                <a16:creationId xmlns:a16="http://schemas.microsoft.com/office/drawing/2014/main" id="{371035B4-EFF9-4D90-BE24-283F23DB09F8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918552" y="530858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y 31, 2026</a:t>
            </a:r>
          </a:p>
        </p:txBody>
      </p:sp>
      <p:sp>
        <p:nvSpPr>
          <p:cNvPr id="59" name="OTLSHAPE_M_9c8ddf7a70c148eba91145ca317f343b_Title">
            <a:extLst>
              <a:ext uri="{FF2B5EF4-FFF2-40B4-BE49-F238E27FC236}">
                <a16:creationId xmlns:a16="http://schemas.microsoft.com/office/drawing/2014/main" id="{B3CACECA-E298-4CF2-A658-9CE9E9B14EF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0441764" y="5489007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stimated Drug Approval Date</a:t>
            </a:r>
          </a:p>
        </p:txBody>
      </p:sp>
      <p:sp>
        <p:nvSpPr>
          <p:cNvPr id="60" name="OTLSHAPE_M_9c8ddf7a70c148eba91145ca317f343b_Date">
            <a:extLst>
              <a:ext uri="{FF2B5EF4-FFF2-40B4-BE49-F238E27FC236}">
                <a16:creationId xmlns:a16="http://schemas.microsoft.com/office/drawing/2014/main" id="{D7DF0BE3-B7C8-4B42-BC17-7CD582673F1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560890" y="530858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v 30, 2026</a:t>
            </a:r>
            <a:endParaRPr kumimoji="0" lang="en-US" sz="1000" b="0" i="0" u="none" strike="noStrike" kern="1200" cap="none" spc="-6" normalizeH="0" baseline="0" noProof="0" dirty="0">
              <a:ln>
                <a:noFill/>
              </a:ln>
              <a:solidFill>
                <a:schemeClr val="dk2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71" name="OTLSHAPE_M_94cf3d23472646b596dba9c7b004a38e_Title">
            <a:extLst>
              <a:ext uri="{FF2B5EF4-FFF2-40B4-BE49-F238E27FC236}">
                <a16:creationId xmlns:a16="http://schemas.microsoft.com/office/drawing/2014/main" id="{CFBB0103-4733-4A1F-9140-53751E1D3A3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828715" y="5489007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i="1" spc="-10">
                <a:solidFill>
                  <a:schemeClr val="dk1"/>
                </a:solidFill>
                <a:latin typeface="Calibri" panose="020F0502020204030204" pitchFamily="34" charset="0"/>
              </a:rPr>
              <a:t>Report</a:t>
            </a:r>
          </a:p>
        </p:txBody>
      </p:sp>
      <p:sp>
        <p:nvSpPr>
          <p:cNvPr id="73" name="OTLSHAPE_M_94cf3d23472646b596dba9c7b004a38e_Date">
            <a:extLst>
              <a:ext uri="{FF2B5EF4-FFF2-40B4-BE49-F238E27FC236}">
                <a16:creationId xmlns:a16="http://schemas.microsoft.com/office/drawing/2014/main" id="{7AF0767D-08D3-4B3A-89BE-3F960325D72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691999" y="530858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Sep 30, 2026</a:t>
            </a:r>
          </a:p>
        </p:txBody>
      </p:sp>
      <p:sp>
        <p:nvSpPr>
          <p:cNvPr id="74" name="OTLSHAPE_M_94cf3d23472646b596dba9c7b004a38e_Shape">
            <a:extLst>
              <a:ext uri="{FF2B5EF4-FFF2-40B4-BE49-F238E27FC236}">
                <a16:creationId xmlns:a16="http://schemas.microsoft.com/office/drawing/2014/main" id="{0FCD87AE-282B-4DC4-9E66-5384CE484C4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9909550" y="5029182"/>
            <a:ext cx="228600" cy="2540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BACCFD5B-AEBC-4298-BDA0-5CA15EF61EE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843601" y="504062"/>
            <a:ext cx="68186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Clinical Trial Roadmap</a:t>
            </a:r>
          </a:p>
        </p:txBody>
      </p:sp>
      <p:sp>
        <p:nvSpPr>
          <p:cNvPr id="90" name="TextBox 89">
            <a:extLst>
              <a:ext uri="{FF2B5EF4-FFF2-40B4-BE49-F238E27FC236}">
                <a16:creationId xmlns:a16="http://schemas.microsoft.com/office/drawing/2014/main" id="{FCBD8078-852E-4E1B-A200-9E930365795B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43601" y="1146035"/>
            <a:ext cx="623363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 Light" panose="020F0302020204030204"/>
                <a:ea typeface="+mn-ea"/>
                <a:cs typeface="+mn-cs"/>
              </a:rPr>
              <a:t>COPA Human Trials in USA</a:t>
            </a:r>
          </a:p>
        </p:txBody>
      </p:sp>
      <p:pic>
        <p:nvPicPr>
          <p:cNvPr id="57" name="Picture 56" descr="Icon&#10;&#10;Description automatically generated">
            <a:extLst>
              <a:ext uri="{FF2B5EF4-FFF2-40B4-BE49-F238E27FC236}">
                <a16:creationId xmlns:a16="http://schemas.microsoft.com/office/drawing/2014/main" id="{2AD0E972-219D-C5DF-B758-202DFBE648BA}"/>
              </a:ext>
            </a:extLst>
          </p:cNvPr>
          <p:cNvPicPr>
            <a:picLocks noChangeAspect="1"/>
          </p:cNvPicPr>
          <p:nvPr/>
        </p:nvPicPr>
        <p:blipFill>
          <a:blip r:embed="rId6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-777012" y="3268285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2562746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C4wMi4wMC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MsIlNoYXBlU3R5bGUiOnsiJGlkIjoiMjYiLCJNYXJnaW4iOnsiJGlkIjoiMjciLCJUb3AiOjAuMCwiTGVmdCI6MTAuMCwiUmlnaHQiOjEwLjAsIkJvdHRvbSI6MC4wfSwiUGFkZGluZyI6eyIkaWQiOiIyOCIsIlRvcCI6My4wLCJMZWZ0IjowLjAsIlJpZ2h0IjowLjAsIkJvdHRvbSI6My4wfSwiQmFja2dyb3VuZCI6eyIkaWQiOiIyOSIsIkNvbG9yIjp7IiRpZCI6IjMwIiwiQSI6MjU1LCJSIjo2OCwiRyI6ODQsIkIiOjEwNn19LCJJc1Zpc2libGUiOnRydWUsIldpZHRoIjow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MCwiUiI6MjU1LCJHIjoyNTUsIkIiOjI1NX19LCJJc1Zpc2libGUiOnRydWUsIldpZHRoIjowLjAsIkhlaWdodCI6MC4wLCJCb3JkZXJTdHlsZSI6bnVsbCwiUGFyZW50U3R5bGUiOm51bGx9LCJEYXRlU3R5bGUiOnsiJGlkIjoiMTA1IiwiRm9udFNldHRpbmdzIjp7IiRpZCI6IjEwNiIsIkZvbnRTaXplIjoxMCwiRm9udE5hbWUiOiJDYWxpYnJpIiwiSXNCb2xkIjpmYWxzZSwiSXNJdGFsaWMiOmZhbHNlLCJJc1VuZGVybGluZWQiOmZhbHNlLCJQYXJlbnRTdHlsZSI6bnVsbH0sIkF1dG9TaXplIjowLCJGb3JlZ3JvdW5kIjp7IiRpZCI6IjEwNyIsIkNvbG9yIjp7IiRpZCI6IjE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aWQiOiIxMTIiLCJBIjowLCJSIjoyNTUsIkciOjI1NSwiQiI6MjU1fX0sIklzVmlzaWJsZSI6dHJ1ZSwiV2lkdGgiOjAuMCwiSGVpZ2h0IjowLjAsIkJvcmRlclN0eWxlIjpudWxsLCJQYXJlbnRTdHlsZSI6bnVsbH0sIkRhdGVGb3JtYXQiOnsiJGlkIjoiMTE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MiIsIlRvcCI6MC4wLCJMZWZ0IjowLjAsIlJpZ2h0IjowLjAsIkJvdHRvbSI6MC4wfSwiUGFkZGluZyI6eyIkaWQiOiIxNDMiLCJUb3AiOjAuMCwiTGVmdCI6MC4wLCJSaWdodCI6MC4wLCJCb3R0b20iOjAuMH0sIkJhY2tncm91bmQiOnsiJGlkIjoiMTQ0IiwiQ29sb3IiOnsiJGlkIjoiMTQ1IiwiQSI6MCwiUiI6MjU1LCJHIjoyNTUsIkIiOjI1NX19LCJJc1Zpc2libGUiOnRydWUsIldpZHRoIjowLjAsIkhlaWdodCI6MC4wLCJCb3JkZXJTdHlsZSI6bnVsbCwiUGFyZW50U3R5bGUiOm51bGx9LCJEYXRlRm9ybWF0Ijp7IiRpZCI6IjE0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EiLCJUb3AiOjAuMCwiTGVmdCI6MC4wLCJSaWdodCI6MC4wLCJCb3R0b20iOjAuMH0sIlBhZGRpbmciOnsiJGlkIjoiMTkyIiwiVG9wIjowLjAsIkxlZnQiOjAuMCwiUmlnaHQiOjAuMCwiQm90dG9tIjowLjB9LCJCYWNrZ3JvdW5kIjp7IiRpZCI6IjE5MyIsIkNvbG9yIjp7IiRpZCI6IjE5NCIsIkEiOjAsIlIiOjI1NSwiRyI6MjU1LCJCIjoyNTV9fSwiSXNWaXNpYmxlIjp0cnVlLCJXaWR0aCI6MC4wLCJIZWlnaHQiOjAuMCwiQm9yZGVyU3R5bGUiOm51bGwsIlBhcmVudFN0eWxlIjpudWxsfSwiRGF0ZUZvcm1hdCI6eyIkaWQiOiIxOTUiLCJGb3JtYXRTdHJpbmciOiJNTU0g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2IiwiRm9ybWF0IjowLCJJc1Zpc2libGUiOmZhbHNlLCJMYXN0S25vd25WaXNpYmlsaXR5U3RhdGUiOmZhbHNlfSwiSXNWaXNpYmxlIjp0cnVlLCJQYXJlbnRTdHlsZSI6bnVsbCwiX2V4cGxpY2l0bHlTZXQiOnsiJGlkIjoiMTk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4OSwiUiI6MCwiRyI6MCwiQiI6MH19LCJJc1Zpc2libGUiOnRydWUsIldpZHRoIjowLjAsIkhlaWdodCI6MC4wLCJCb3JkZXJTdHlsZSI6bnVsbCwiUGFyZW50U3R5bGUiOm51bGx9LCJEYXRlU3R5bGUiOnsiJGlkIjoiMjE1IiwiRm9udFNldHRpbmdzIjp7IiRpZCI6IjIxNiIsIkZvbnRTaXplIjoxMCwiRm9udE5hbWUiOiJDYWxpYnJpIiwiSXNCb2xkIjpmYWxzZSwiSXNJdGFsaWMiOmZhbHNlLCJJc1VuZGVybGluZWQiOmZhbHNlLCJQYXJlbnRTdHlsZSI6bnVsbH0sIkF1dG9TaXplIjowLCJGb3JlZ3JvdW5kIjp7IiRpZCI6IjIxNyIsIkNvbG9yIjp7IiRpZCI6IjIx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5IiwiVG9wIjowLjAsIkxlZnQiOjAuMCwiUmlnaHQiOjAuMCwiQm90dG9tIjowLjB9LCJQYWRkaW5nIjp7IiRpZCI6IjIyMCIsIlRvcCI6MC4wLCJMZWZ0IjowLjAsIlJpZ2h0IjowLjAsIkJvdHRvbSI6MC4wfSwiQmFja2dyb3VuZCI6eyIkaWQiOiIyMjEiLCJDb2xvciI6eyIkaWQiOiIyMjIiLCJBIjo4OSwiUiI6MCwiRyI6MCwiQiI6MH19LCJJc1Zpc2libGUiOnRydWUsIldpZHRoIjowLjAsIkhlaWdodCI6MC4wLCJCb3JkZXJTdHlsZSI6bnVsbCwiUGFyZW50U3R5bGUiOm51bGx9LCJEYXRlRm9ybWF0Ijp7IiRpZCI6IjI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zM2IiwiVG9wIjowLjAsIkxlZnQiOjAuMCwiUmlnaHQiOjAuMCwiQm90dG9tIjowLjB9LCJQYWRkaW5nIjp7IiRpZCI6IjMzNyIsIlRvcCI6MC4wLCJMZWZ0IjowLjAsIlJpZ2h0IjowLjAsIkJvdHRvbSI6MC4wfSwiQmFja2dyb3VuZCI6eyIkaWQiOiIzMzgiLCJDb2xvciI6eyIkcmVmIjoiMzEwIn19LCJJc1Zpc2libGUiOnRydWUsIldpZHRoIjowLjAsIkhlaWdodCI6MC4wLCJCb3JkZXJTdHlsZSI6bnVsbCwiUGFyZW50U3R5bGUiOm51bGx9LCJEY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DMiLCJUb3AiOjAuMCwiTGVmdCI6MC4wLCJSaWdodCI6MC4wLCJCb3R0b20iOjAuMH0sIlBhZGRpbmciOnsiJGlkIjoiMzQ0IiwiVG9wIjowLjAsIkxlZnQiOjAuMCwiUmlnaHQiOjAuMCwiQm90dG9tIjowLjB9LCJCYWNrZ3JvdW5kIjp7IiRpZCI6IjM0NSIsIkNvbG9yIjp7IiRyZWYiOiIzMTAifX0sIklzVmlzaWJsZSI6dHJ1ZSwiV2lkdGgiOjAuMCwiSGVpZ2h0IjowLjAsIkJvcmRlclN0eWxlIjpudWxsLCJQYXJlbnRTdHlsZSI6bnVsbH0sIkRhdGVGb3JtYXQiOnsiJGlkIjoiMzQ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0NyIsIkZvcm1hdCI6MCwiSXNWaXNpYmxlIjpmYWxzZSwiTGFzdEtub3duVmlzaWJpbGl0eVN0YXRlIjpmYWxzZX0sIklzVmlzaWJsZSI6dHJ1ZSwiUGFyZW50U3R5bGUiOm51bGwsIl9leHBsaWNpdGx5U2V0Ijp7IiRpZCI6IjM0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NSIsIlRvcCI6MC4wLCJMZWZ0IjowLjAsIlJpZ2h0IjowLjAsIkJvdHRvbSI6MC4wfSwiUGFkZGluZyI6eyIkaWQiOiIzNzYiLCJUb3AiOjAuMCwiTGVmdCI6MC4wLCJSaWdodCI6MC4wLCJCb3R0b20iOjAuMH0sIkJhY2tncm91bmQiOnsiJGlkIjoiMzc3IiwiQ29sb3IiOnsiJHJlZiI6IjM3MCJ9fSwiSXNWaXNpYmxlIjp0cnVlLCJXaWR0aCI6MC4wLCJIZWlnaHQiOjAuMCwiQm9yZGVyU3R5bGUiOm51bGwsIlBhcmVudFN0eWxlIjpudWxsfSwiRGF0ZUZvcm1hdCI6eyIkaWQiOiIz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MSIsIlRvcCI6MC4wLCJMZWZ0IjowLjAsIlJpZ2h0IjowLjAsIkJvdHRvbSI6MC4wfSwiUGFkZGluZyI6eyIkaWQiOiI0MDIiLCJUb3AiOjAuMCwiTGVmdCI6MC4wLCJSaWdodCI6MC4wLCJCb3R0b20iOjAuMH0sIkJhY2tncm91bmQiOnsiJGlkIjoiNDAzIiwiQ29sb3IiOnsiJGlkIjoiNDA0IiwiQSI6ODksIlIiOjAsIkciOjAsIkIiOjB9fSwiSXNWaXNpYmxlIjp0cnVlLCJXaWR0aCI6MC4wLCJIZWlnaHQiOjAuMCwiQm9yZGVyU3R5bGUiOm51bGwsIlBhcmVudFN0eWxlIjpudWxsfSwiRGF0ZUZvcm1hdCI6eyIkaWQiOiI0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zIiwiVG9wIjowLjAsIkxlZnQiOjAuMCwiUmlnaHQiOjAuMCwiQm90dG9tIjowLjB9LCJQYWRkaW5nIjp7IiRpZCI6IjQ3NCIsIlRvcCI6MC4wLCJMZWZ0IjowLjAsIlJpZ2h0IjowLjAsIkJvdHRvbSI6MC4w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RhdGVGb3JtYXQiOnsiJGlkIjoiNDc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M2IiwiVG9wIjowLjAsIkxlZnQiOjAuMCwiUmlnaHQiOjAuMCwiQm90dG9tIjowLjB9LCJQYWRkaW5nIjp7IiRpZCI6IjUzNyIsIlRvcCI6MC4wLCJMZWZ0IjowLjAsIlJpZ2h0IjowLjAsIkJvdHRvbSI6MC4wfSwiQmFja2dyb3VuZCI6eyIkaWQiOiI1MzgiLCJDb2xvciI6eyIkaWQiOiI1MzkiLCJBIjowLCJSIjoyNTUsIkciOjI1NSwiQiI6MjU1fX0sIklzVmlzaWJsZSI6dHJ1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5MCIsIlRvcCI6MC4wLCJMZWZ0IjowLjAsIlJpZ2h0IjowLjAsIkJvdHRvbSI6MC4wfSwiUGFkZGluZyI6eyIkaWQiOiI2OTEiLCJUb3AiOjAuMCwiTGVmdCI6MC4wLCJSaWdodCI6MC4wLCJCb3R0b20iOjAuMH0sIkJhY2tncm91bmQiOnsiJGlkIjoiNjkyIiwiQ29sb3IiOnsiJHJlZiI6IjQ1In19LCJJc1Zpc2libGUiOnRydWUsIldpZHRoIjowLjAsIkhlaWdodCI6MC4wLCJCb3JkZXJTdHlsZSI6eyIkaWQiOiI2OTMiLCJMaW5lQ29sb3IiOm51bGwsIkxpbmVXZWlnaHQiOjAuMCwiTGluZVR5cGUiOjAsIlBhcmVudFN0eWxlIjpudWxsfSwiUGFyZW50U3R5bGUiOm51bGx9LCJEYXRlRm9ybWF0Ijp7IiRpZCI6IjY5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wLCJSIjoyNTUsIkciOjI1NSwiQiI6MjU1fX0sIklzVmlzaWJsZSI6dHJ1ZSwiV2lkdGgiOjAuMCwiSGVpZ2h0IjowLjAsIkJvcmRlclN0eWxlIjp7IiRpZCI6IjcyOSIsIkxpbmVDb2xvciI6bnVsbCwiTGluZVdlaWdodCI6MC4wLCJMaW5lVHlwZSI6MCwiUGFyZW50U3R5bGUiOm51bGx9LCJQYXJlbnRTdHlsZSI6bnVsbH0sIkRhdGVGb3JtYXQiOnsiJGlkIjoiNzMw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Gb3JtYXQiOnsiJGlkIjoiODAy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yMyIsIlRvcCI6MC4wLCJMZWZ0IjowLjAsIlJpZ2h0IjowLjAsIkJvdHRvbSI6MC4wfSwiUGFkZGluZyI6eyIkaWQiOiIxMDI0IiwiVG9wIjowLjAsIkxlZnQiOjAuMCwiUmlnaHQiOjAuMCwiQm90dG9tIjowLjB9LCJCYWNrZ3JvdW5kIjp7IiRpZCI6IjEwMjUiLCJDb2xvciI6eyIkcmVmIjoiNDUifX0sIklzVmlzaWJsZSI6dHJ1ZSwiV2lkdGgiOjAuMCwiSGVpZ2h0IjowLjAsIkJvcmRlclN0eWxlIjp7IiRpZCI6IjEwMjYiLCJMaW5lQ29sb3IiOm51bGwsIkxpbmVXZWlnaHQiOjAuMCwiTGluZVR5cGUiOjAsIlBhcmVudFN0eWxlIjpudWxsfS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Tb3VyY2VUaGVtZSI6IntcIiRpZFwiOlwiMVwiLFwiSWRcIjpcImZlZThkZDE1LWZmYTItNDkzZS1iNDYyLWFkOTRkMmRiOTI2OF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TkyLFwiR1wiOjgwLFwiQlwiOjc3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TkyLFwiR1wiOjgwLFwiQlwiOjc3fX0sXCJIb3Jpem9udGFsQWxpZ25tZW50XCI6MCxcIklzVmlzaWJsZVwiOnRydWV9LFwiVG9kYXlNYXJrZXJTdHlsZVwiOntcIiRpZFwiOlwiMTNcIixcIlRvZGF5VGV4dFN0eWxlXCI6e1wiJGlkXCI6XCIxNFwiLFwiRm9udFNldHRpbmdzXCI6e1wiJGlkXCI6XCIxNVwiLFwiRm9udFNpemVcIjo4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Y4LFwiR1wiOjg0LFwiQlwiOjEwNn19LFwiSXNWaXNpYmxlXCI6dHJ1ZSxcIldpZHRoXCI6M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EsXCJGb250TmFtZVwiOlwiQ2FsaWJyaVwiLFwiSXNCb2xkXCI6ZmFsc2UsXCJJc0l0YWxpY1wiOmZhbHNlLFwiSXNVbmRlcmxpbmVkXCI6ZmFsc2V9LFwiRm9yZWdyb3VuZFwiOntcIiRpZFwiOlwiNTRcIixcIkNvbG9yXCI6e1wiJGlkXCI6XCI1NVwiLFwiQVwiOjI1NSxcIlJcIjoxNzgsXCJHXCI6MTQsXCJCXCI6MTh9fSxcIkhvcml6b250YWxBbGlnbm1lbnRcIjoy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xLFwiRW5kRGF0ZVBvc2l0aW9uXCI6MSxcIlRpdGxlUG9zaXRpb25cIjoyLFwiRHVyYXRpb25Qb3NpdGlvblwiOjAsXCJQZXJjZW50YWdlQ29tcGxldGVkUG9zaXRpb25cIjowLFwiU3BhY2luZ1wiOjI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5LFwiSXNCZWxvd1RpbWViYW5kXCI6ZmFsc2UsXCJTaGFwZVNpemVcIjox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5MSxcIkdcIjoxNTUsXCJCXCI6MjEzfX0sXCJJc1Zpc2libGVcIjp0cnVlLFwiV2lkdGhcIjoxMy4wLFwiSGVpZ2h0XCI6MTM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C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0cnVlfSxcIkRhdGVGb3JtYXRcIjp7XCIkaWRcIjpcIjEwM1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5LFwiU2hhcGVTaXplXCI6MS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5MSxcIkdcIjoxNTUsXCJCXCI6MjEzfX0sXCJJc1Zpc2libGVcIjp0cnVlLFwiV2lkdGhcIjoxMy4wLFwiSGVpZ2h0XCI6MTM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NjVjZmY0ZjEtMmQ3Ni00OTdkLWJiNWEtZWUzMzhjNGJhNGQzXCIsXCJOYW1lXCI6XCJTd2ltbGFuZSBTdHlsZSAxXCIsXCJIZWFkZXJTdHlsZVwiOntcIiRpZFwiOlwiMTI3XCIsXCJUZXh0U3R5bGVcIjp7XCIkaWRcIjpcIjEyOFwiLFwiRm9udFNldHRpbmdzXCI6e1wiJGlkXCI6XCIxMjlcIixcIkZvbnRTaXplXCI6MTI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NjgsXCJHXCI6MTE0LFwiQlwiOjE5Nn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2OCxcIkdcIjoxMTQsXCJCXCI6MTk2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2OCxcIkdcIjoxMTQsXCJCXCI6MTk2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AsXCJTaGFwZVRoaWNrbmVzc1wiOjIsXCJEdXJhdGlvbkZvcm1hdFwiOjU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E5MixcIkdcIjo4MCxcIkJcIjo3N3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Y4LFwiR1wiOjExNCxcIkJcIjoxOTZ9fSxcIklzVmlzaWJsZVwiOnRydWUsXCJXaWR0aFwiOjAuMCxcIkhlaWdodFwiOjIy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yNTUsXCJHXCI6MjU1LFwiQlwiOjI1NX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MCxcIkdcIjowLFwiQlwiOjB9fSxcIkhvcml6b250YWxBbGlnbm1lbnRcIjow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xLFwiU2hhcGVTaXplXCI6MSxcIkRldGFpbHNTcGFjaW5nXCI6Mi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2OCxcIkdcIjoxMTQsXCJCXCI6MTk2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AsXCJHXCI6MCxcIkJcIjowfX0sXCJIb3Jpem9udGFsQWxpZ25tZW50XCI6MSxcIklzVmlzaWJsZVwiOnRydWV9LFwiRGF0ZVN0eWxlXCI6e1wiJGlkXCI6XCIyNDFcIixcIkZvbnRTZXR0aW5nc1wiOntcIiRpZFwiOlwiMjQyXCIsXCJGb250U2l6ZVwiOjEwLFwiRm9udE5hbWVcIjpcIkNhbGlicml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M0IiwiVXNlVGltZSI6ZmFsc2UsIldvcmtEYXlTdGFydCI6IjAwOjAwOjAwIiwiV29ya0RheUVuZCI6IjIzOjU5OjAwIn0sIkxhc3RVc2VkVGVtcGxhdGVJZCI6IjgwNTYyNmNiLWRiYTctNDFmNi1iMDZhLWM0NTUwNTYwNjE2ZiIsIkxhc3RVc2VkVGhlbWVEZXRhaWxzIjp7IiRpZCI6IjEwMzUiLCJJZCI6ImZlZThkZDE1LWZmYTItNDkzZS1iNDYyLWFkOTRkMmRiOTI2OCIsIlRpdGxlIjoiVW50aXRsZWQgdGhlbWUiLCJDYXRlZ29yeSI6Mn0sIkZpcnN0V2Vla09mWWVhciI6MCwiUGxhY2VNaWxlc3RvbmVBdFRoZUJlZ2lubmluZ09mVGhlRGF5IjpmYWxzZSwiRGVwZW5kZW5jeVNjaGVkdWxpbmdTZXR0aW5ncyI6eyIkaWQiOiIxMDM2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TIMEBANDSHAPEPADDINGTOP" val="3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Phases"/>
  <p:tag name="OTLTIMEBANDSHAPEHEIGHT" val="30"/>
  <p:tag name="OTLTIMEBANDSHAPEPADDINGLEFT" val="0"/>
  <p:tag name="OTLTIMEBANDENDDATE" val="2026-11-30T23:59:00.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2"/>
  <p:tag name="OTLSHAPETHICKNESSTYPE" val="Thick"/>
  <p:tag name="OTLWEEKNUMBERINGFORMAT" val="WNFormat1"/>
  <p:tag name="OTLWEEKNUMBERINGISVISIBLE" val="False"/>
  <p:tag name="OTLSTARTDATE" val="2025-01-01T00:00:00.0000000Z"/>
  <p:tag name="OTLENDDATE" val="2025-10-31T23:59:00.0000000Z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2"/>
  <p:tag name="OTLSHAPETHICKNESSTYPE" val="Thick"/>
  <p:tag name="OTLWEEKNUMBERINGFORMAT" val="WNFormat1"/>
  <p:tag name="OTLWEEKNUMBERINGISVISIBLE" val="False"/>
  <p:tag name="OTLSTARTDATE" val="2025-11-01T00:00:00.0000000Z"/>
  <p:tag name="OTLENDDATE" val="2026-09-30T23:59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mons"/>
  <p:tag name="OTLSPACING" val="2"/>
  <p:tag name="OTLSHAPETHICKNESSTYPE" val="Thick"/>
  <p:tag name="OTLWEEKNUMBERINGFORMAT" val="WNFormat1"/>
  <p:tag name="OTLWEEKNUMBERINGISVISIBLE" val="False"/>
  <p:tag name="OTLSTARTDATE" val="2026-05-31T00:00:00.0000000Z"/>
  <p:tag name="OTLENDDATE" val="2026-11-30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 "/>
  <p:tag name="OTLPOSITIONONTASK" val="Center"/>
  <p:tag name="OTLRELATEDTASKID" val="00000000-0000-0000-0000-000000000000"/>
  <p:tag name="OTLWEEKNUMBERINGFORMAT" val="WNFormat1"/>
  <p:tag name="OTLWEEKNUMBERINGISVISIBLE" val="False"/>
  <p:tag name="OTLDATE" val="2025-10-15T23:59:00.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pply for Drug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6-05-31T23:59:00.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stimated Drug Approval Date"/>
  <p:tag name="OTLPOSITIONONTASK" val="None"/>
  <p:tag name="OTLRELATEDTASKID" val="00000000-0000-0000-0000-000000000000"/>
  <p:tag name="OTLWEEKNUMBERINGFORMAT" val="WNFormat1"/>
  <p:tag name="OTLWEEKNUMBERINGISVISIBLE" val="False"/>
  <p:tag name="OTLDATE" val="2026-11-30T23:59:00.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Recruited"/>
  <p:tag name="OTLPOSITIONONTASK" val="Above"/>
  <p:tag name="OTLWEEKNUMBERINGFORMAT" val="WNFormat1"/>
  <p:tag name="OTLWEEKNUMBERINGISVISIBLE" val="False"/>
  <p:tag name="OTLDATE" val="2025-01-15T23:59:00.0000000"/>
  <p:tag name="OTLRELATEDTASKID" val="a82269eb-335f-4826-b627-d4afce417f01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Enrolled"/>
  <p:tag name="OTLPOSITIONONTASK" val="Above"/>
  <p:tag name="OTLWEEKNUMBERINGFORMAT" val="WNFormat1"/>
  <p:tag name="OTLWEEKNUMBERINGISVISIBLE" val="False"/>
  <p:tag name="OTLDATE" val="2025-03-01T23:59:00.0000000"/>
  <p:tag name="OTLRELATEDTASKID" val="a82269eb-335f-4826-b627-d4afce417f01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Kick-off"/>
  <p:tag name="OTLPOSITIONONTASK" val="Above"/>
  <p:tag name="OTLWEEKNUMBERINGFORMAT" val="WNFormat1"/>
  <p:tag name="OTLWEEKNUMBERINGISVISIBLE" val="False"/>
  <p:tag name="OTLDATE" val="2025-04-01T23:59:00.0000000"/>
  <p:tag name="OTLRELATEDTASKID" val="a82269eb-335f-4826-b627-d4afce417f0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Recruited"/>
  <p:tag name="OTLPOSITIONONTASK" val="Above"/>
  <p:tag name="OTLWEEKNUMBERINGFORMAT" val="WNFormat1"/>
  <p:tag name="OTLWEEKNUMBERINGISVISIBLE" val="False"/>
  <p:tag name="OTLDATE" val="2025-11-15T23:59:00.0000000"/>
  <p:tag name="OTLRELATEDTASKID" val="df4d89a3-d35b-45f7-b90e-f9ae229234f2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tients Enrolled"/>
  <p:tag name="OTLPOSITIONONTASK" val="Above"/>
  <p:tag name="OTLWEEKNUMBERINGFORMAT" val="WNFormat1"/>
  <p:tag name="OTLWEEKNUMBERINGISVISIBLE" val="False"/>
  <p:tag name="OTLDATE" val="2025-12-15T23:59:00.0000000"/>
  <p:tag name="OTLRELATEDTASKID" val="df4d89a3-d35b-45f7-b90e-f9ae229234f2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udy Kick-off"/>
  <p:tag name="OTLPOSITIONONTASK" val="Above"/>
  <p:tag name="OTLWEEKNUMBERINGFORMAT" val="WNFormat1"/>
  <p:tag name="OTLWEEKNUMBERINGISVISIBLE" val="False"/>
  <p:tag name="OTLDATE" val="2026-03-15T23:59:00.0000000"/>
  <p:tag name="OTLRELATEDTASKID" val="df4d89a3-d35b-45f7-b90e-f9ae229234f2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port"/>
  <p:tag name="OTLPOSITIONONTASK" val="None"/>
  <p:tag name="OTLRELATEDTASKID" val="00000000-0000-0000-0000-000000000000"/>
  <p:tag name="OTLWEEKNUMBERINGFORMAT" val="WNFormat1"/>
  <p:tag name="OTLWEEKNUMBERINGISVISIBLE" val="False"/>
  <p:tag name="OTLDATE" val="2026-09-30T23:59:00.000000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2</Words>
  <Application>Microsoft Office PowerPoint</Application>
  <PresentationFormat>Widescreen</PresentationFormat>
  <Paragraphs>5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4-17T18:37:17Z</dcterms:created>
  <dcterms:modified xsi:type="dcterms:W3CDTF">2024-10-17T09:07:30Z</dcterms:modified>
</cp:coreProperties>
</file>